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/>
  <mc:AlternateContent xmlns:mc="http://schemas.openxmlformats.org/markup-compatibility/2006">
    <mc:Choice Requires="x15">
      <x15ac:absPath xmlns:x15ac="http://schemas.microsoft.com/office/spreadsheetml/2010/11/ac" url="C:\Users\i04604227\Downloads\"/>
    </mc:Choice>
  </mc:AlternateContent>
  <xr:revisionPtr revIDLastSave="0" documentId="13_ncr:1_{8133D024-3939-44D1-838B-5D3F4174A491}" xr6:coauthVersionLast="47" xr6:coauthVersionMax="47" xr10:uidLastSave="{00000000-0000-0000-0000-000000000000}"/>
  <bookViews>
    <workbookView xWindow="38290" yWindow="-110" windowWidth="38620" windowHeight="21220" xr2:uid="{77EE229B-9E37-46C7-8D9F-F9B5F47A4E8D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4" uniqueCount="46">
  <si>
    <t>KTEXT</t>
  </si>
  <si>
    <t>MVGR1</t>
  </si>
  <si>
    <t>LTEXT1</t>
  </si>
  <si>
    <t>PTEXT1</t>
  </si>
  <si>
    <t>PRODH</t>
  </si>
  <si>
    <t>KTGRM</t>
  </si>
  <si>
    <t>EKGRP</t>
  </si>
  <si>
    <t>PLIFZ</t>
  </si>
  <si>
    <t>BKLAS</t>
  </si>
  <si>
    <t>EKLAS</t>
  </si>
  <si>
    <t>VERPR</t>
  </si>
  <si>
    <t>LIFNR</t>
  </si>
  <si>
    <t>IDNLF</t>
  </si>
  <si>
    <t>ANGNR</t>
  </si>
  <si>
    <t>KBETR</t>
  </si>
  <si>
    <t>KBETR_2</t>
  </si>
  <si>
    <t>SC List Price</t>
  </si>
  <si>
    <t>EnH_Part_No</t>
  </si>
  <si>
    <t>Material Description
(If text exceeds 40 characters enter first 37 characters followed by '. . .')</t>
  </si>
  <si>
    <t>Material group 1
(Blank to charge freight, N for No Freight)</t>
  </si>
  <si>
    <t xml:space="preserve">Sales order test
.Q .S
</t>
  </si>
  <si>
    <t xml:space="preserve">Purchase order text
</t>
  </si>
  <si>
    <t>Sales group key
(SNR / SNZ)</t>
  </si>
  <si>
    <t>Account assignment group
(Z1 / 90)</t>
  </si>
  <si>
    <t>Purchasing Group</t>
  </si>
  <si>
    <t>Planned Delivery Time (# of Business Days)</t>
  </si>
  <si>
    <t>Valuation class
(8000 / 5090)</t>
  </si>
  <si>
    <t>Valuation class order
(8000 / 5190)</t>
  </si>
  <si>
    <t>Purchase price</t>
  </si>
  <si>
    <t>Vendor #</t>
  </si>
  <si>
    <t>Vendor material number</t>
  </si>
  <si>
    <t>Vendor Quote #</t>
  </si>
  <si>
    <t>ZCOM Commission on Material Amount (formatted as factor, not as a percent)</t>
  </si>
  <si>
    <t>ZFLR Commission Floor Amount (formatted as factor, not as a percent)</t>
  </si>
  <si>
    <t>E+H Part # (IT Use)</t>
  </si>
  <si>
    <t>C40</t>
  </si>
  <si>
    <t>C3</t>
  </si>
  <si>
    <t>C1000</t>
  </si>
  <si>
    <t>C2</t>
  </si>
  <si>
    <t>N4</t>
  </si>
  <si>
    <t>AMT10</t>
  </si>
  <si>
    <t>C10</t>
  </si>
  <si>
    <t>C35</t>
  </si>
  <si>
    <t>AMT8</t>
  </si>
  <si>
    <t>AMT</t>
  </si>
  <si>
    <t>N/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2"/>
      <color theme="1"/>
      <name val="E+H Sans"/>
      <family val="2"/>
    </font>
    <font>
      <b/>
      <sz val="11"/>
      <color theme="1"/>
      <name val="E+H Serif"/>
      <family val="2"/>
      <scheme val="minor"/>
    </font>
    <font>
      <sz val="12"/>
      <color rgb="FFE6ECF0"/>
      <name val="E+H Sans"/>
      <family val="2"/>
    </font>
    <font>
      <b/>
      <sz val="11"/>
      <color rgb="FFE6ECF0"/>
      <name val="E+H Serif"/>
      <family val="2"/>
      <scheme val="minor"/>
    </font>
    <font>
      <sz val="10"/>
      <name val="Arial"/>
      <family val="2"/>
    </font>
    <font>
      <sz val="8"/>
      <name val="E+H Sans"/>
      <family val="2"/>
    </font>
    <font>
      <sz val="11"/>
      <color rgb="FF006100"/>
      <name val="E+H Serif"/>
      <family val="2"/>
      <scheme val="minor"/>
    </font>
    <font>
      <sz val="11"/>
      <color rgb="FF9C0006"/>
      <name val="E+H Serif"/>
      <family val="2"/>
      <scheme val="minor"/>
    </font>
    <font>
      <sz val="12"/>
      <name val="E+H Sans"/>
      <family val="2"/>
    </font>
    <font>
      <b/>
      <sz val="11"/>
      <color theme="1"/>
      <name val="E+H Serif"/>
      <family val="1"/>
      <scheme val="minor"/>
    </font>
  </fonts>
  <fills count="7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rgb="FF007CAA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</fills>
  <borders count="23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dashed">
        <color auto="1"/>
      </bottom>
      <diagonal/>
    </border>
    <border>
      <left style="thick">
        <color indexed="64"/>
      </left>
      <right style="dashed">
        <color auto="1"/>
      </right>
      <top style="medium">
        <color indexed="64"/>
      </top>
      <bottom style="dashed">
        <color auto="1"/>
      </bottom>
      <diagonal/>
    </border>
    <border>
      <left style="dashed">
        <color auto="1"/>
      </left>
      <right style="dashed">
        <color auto="1"/>
      </right>
      <top style="medium">
        <color indexed="64"/>
      </top>
      <bottom style="dashed">
        <color auto="1"/>
      </bottom>
      <diagonal/>
    </border>
    <border>
      <left style="medium">
        <color indexed="64"/>
      </left>
      <right/>
      <top style="dashed">
        <color auto="1"/>
      </top>
      <bottom style="dashed">
        <color auto="1"/>
      </bottom>
      <diagonal/>
    </border>
    <border>
      <left style="thick">
        <color indexed="64"/>
      </left>
      <right style="dashed">
        <color auto="1"/>
      </right>
      <top style="dashed">
        <color auto="1"/>
      </top>
      <bottom style="dashed">
        <color auto="1"/>
      </bottom>
      <diagonal/>
    </border>
    <border>
      <left style="dashed">
        <color auto="1"/>
      </left>
      <right style="dashed">
        <color auto="1"/>
      </right>
      <top style="dashed">
        <color auto="1"/>
      </top>
      <bottom style="dash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ashed">
        <color auto="1"/>
      </left>
      <right style="medium">
        <color indexed="64"/>
      </right>
      <top style="medium">
        <color indexed="64"/>
      </top>
      <bottom style="dashed">
        <color auto="1"/>
      </bottom>
      <diagonal/>
    </border>
    <border>
      <left style="dashed">
        <color auto="1"/>
      </left>
      <right style="medium">
        <color indexed="64"/>
      </right>
      <top style="dashed">
        <color auto="1"/>
      </top>
      <bottom style="dashed">
        <color auto="1"/>
      </bottom>
      <diagonal/>
    </border>
    <border>
      <left/>
      <right style="dashed">
        <color auto="1"/>
      </right>
      <top style="medium">
        <color indexed="64"/>
      </top>
      <bottom style="dashed">
        <color auto="1"/>
      </bottom>
      <diagonal/>
    </border>
    <border>
      <left/>
      <right style="dashed">
        <color auto="1"/>
      </right>
      <top style="dashed">
        <color auto="1"/>
      </top>
      <bottom style="dashed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ashed">
        <color auto="1"/>
      </bottom>
      <diagonal/>
    </border>
    <border>
      <left style="medium">
        <color indexed="64"/>
      </left>
      <right style="medium">
        <color indexed="64"/>
      </right>
      <top style="dashed">
        <color auto="1"/>
      </top>
      <bottom style="dashed">
        <color auto="1"/>
      </bottom>
      <diagonal/>
    </border>
    <border>
      <left style="medium">
        <color indexed="64"/>
      </left>
      <right style="medium">
        <color indexed="64"/>
      </right>
      <top style="dashed">
        <color auto="1"/>
      </top>
      <bottom/>
      <diagonal/>
    </border>
    <border>
      <left/>
      <right style="dashed">
        <color auto="1"/>
      </right>
      <top style="dashed">
        <color auto="1"/>
      </top>
      <bottom/>
      <diagonal/>
    </border>
    <border>
      <left style="dashed">
        <color auto="1"/>
      </left>
      <right style="dashed">
        <color auto="1"/>
      </right>
      <top style="dashed">
        <color auto="1"/>
      </top>
      <bottom/>
      <diagonal/>
    </border>
    <border>
      <left style="thick">
        <color indexed="64"/>
      </left>
      <right style="dashed">
        <color auto="1"/>
      </right>
      <top style="dashed">
        <color auto="1"/>
      </top>
      <bottom/>
      <diagonal/>
    </border>
    <border>
      <left style="medium">
        <color indexed="64"/>
      </left>
      <right/>
      <top style="dashed">
        <color auto="1"/>
      </top>
      <bottom/>
      <diagonal/>
    </border>
    <border>
      <left style="dashed">
        <color auto="1"/>
      </left>
      <right style="medium">
        <color indexed="64"/>
      </right>
      <top style="dashed">
        <color auto="1"/>
      </top>
      <bottom/>
      <diagonal/>
    </border>
    <border>
      <left/>
      <right style="medium">
        <color indexed="64"/>
      </right>
      <top style="medium">
        <color indexed="64"/>
      </top>
      <bottom style="dashed">
        <color auto="1"/>
      </bottom>
      <diagonal/>
    </border>
    <border>
      <left/>
      <right style="medium">
        <color indexed="64"/>
      </right>
      <top style="dashed">
        <color auto="1"/>
      </top>
      <bottom style="dashed">
        <color auto="1"/>
      </bottom>
      <diagonal/>
    </border>
    <border>
      <left/>
      <right style="medium">
        <color indexed="64"/>
      </right>
      <top style="dashed">
        <color auto="1"/>
      </top>
      <bottom/>
      <diagonal/>
    </border>
  </borders>
  <cellStyleXfs count="4">
    <xf numFmtId="0" fontId="0" fillId="0" borderId="0"/>
    <xf numFmtId="0" fontId="4" fillId="0" borderId="0"/>
    <xf numFmtId="0" fontId="6" fillId="5" borderId="0" applyNumberFormat="0" applyBorder="0" applyAlignment="0" applyProtection="0"/>
    <xf numFmtId="0" fontId="7" fillId="6" borderId="0" applyNumberFormat="0" applyBorder="0" applyAlignment="0" applyProtection="0"/>
  </cellStyleXfs>
  <cellXfs count="32">
    <xf numFmtId="0" fontId="0" fillId="0" borderId="0" xfId="0"/>
    <xf numFmtId="0" fontId="0" fillId="2" borderId="2" xfId="0" applyFill="1" applyBorder="1" applyAlignment="1">
      <alignment horizontal="center" vertical="top" wrapText="1"/>
    </xf>
    <xf numFmtId="0" fontId="0" fillId="2" borderId="3" xfId="0" applyFill="1" applyBorder="1" applyAlignment="1">
      <alignment horizontal="center" vertical="top" wrapText="1"/>
    </xf>
    <xf numFmtId="0" fontId="1" fillId="2" borderId="5" xfId="0" applyFont="1" applyFill="1" applyBorder="1" applyAlignment="1">
      <alignment horizontal="center" vertical="top" wrapText="1"/>
    </xf>
    <xf numFmtId="0" fontId="1" fillId="2" borderId="6" xfId="0" applyFont="1" applyFill="1" applyBorder="1" applyAlignment="1">
      <alignment horizontal="center" vertical="top" wrapText="1"/>
    </xf>
    <xf numFmtId="0" fontId="0" fillId="2" borderId="8" xfId="0" applyFill="1" applyBorder="1" applyAlignment="1">
      <alignment horizontal="center" vertical="top" wrapText="1"/>
    </xf>
    <xf numFmtId="0" fontId="0" fillId="2" borderId="10" xfId="0" applyFill="1" applyBorder="1" applyAlignment="1">
      <alignment horizontal="center" vertical="top" wrapText="1"/>
    </xf>
    <xf numFmtId="0" fontId="1" fillId="2" borderId="11" xfId="0" applyFont="1" applyFill="1" applyBorder="1" applyAlignment="1">
      <alignment horizontal="center" vertical="top" wrapText="1"/>
    </xf>
    <xf numFmtId="0" fontId="0" fillId="2" borderId="12" xfId="0" applyFill="1" applyBorder="1" applyAlignment="1">
      <alignment horizontal="center" vertical="top" wrapText="1"/>
    </xf>
    <xf numFmtId="0" fontId="1" fillId="2" borderId="13" xfId="0" applyFont="1" applyFill="1" applyBorder="1" applyAlignment="1">
      <alignment horizontal="center" vertical="top" wrapText="1"/>
    </xf>
    <xf numFmtId="0" fontId="0" fillId="2" borderId="14" xfId="0" applyFill="1" applyBorder="1" applyAlignment="1">
      <alignment horizontal="center" vertical="top" wrapText="1"/>
    </xf>
    <xf numFmtId="0" fontId="0" fillId="2" borderId="16" xfId="0" applyFill="1" applyBorder="1" applyAlignment="1">
      <alignment horizontal="center" vertical="top" wrapText="1"/>
    </xf>
    <xf numFmtId="0" fontId="0" fillId="2" borderId="19" xfId="0" applyFill="1" applyBorder="1" applyAlignment="1">
      <alignment horizontal="center" vertical="top" wrapText="1"/>
    </xf>
    <xf numFmtId="0" fontId="2" fillId="3" borderId="1" xfId="0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horizontal="center" vertical="top" wrapText="1"/>
    </xf>
    <xf numFmtId="0" fontId="3" fillId="3" borderId="9" xfId="0" applyFont="1" applyFill="1" applyBorder="1" applyAlignment="1">
      <alignment horizontal="center" vertical="top" wrapText="1"/>
    </xf>
    <xf numFmtId="0" fontId="2" fillId="3" borderId="18" xfId="0" applyFont="1" applyFill="1" applyBorder="1" applyAlignment="1">
      <alignment horizontal="center" vertical="top" wrapText="1"/>
    </xf>
    <xf numFmtId="0" fontId="2" fillId="3" borderId="19" xfId="0" applyFont="1" applyFill="1" applyBorder="1" applyAlignment="1">
      <alignment horizontal="center" vertical="top" wrapText="1"/>
    </xf>
    <xf numFmtId="0" fontId="0" fillId="2" borderId="20" xfId="0" applyFill="1" applyBorder="1" applyAlignment="1">
      <alignment horizontal="center" vertical="top" wrapText="1"/>
    </xf>
    <xf numFmtId="0" fontId="1" fillId="2" borderId="21" xfId="0" applyFont="1" applyFill="1" applyBorder="1" applyAlignment="1">
      <alignment horizontal="center" vertical="top" wrapText="1"/>
    </xf>
    <xf numFmtId="0" fontId="0" fillId="2" borderId="22" xfId="0" applyFill="1" applyBorder="1" applyAlignment="1">
      <alignment horizontal="center" vertical="top" wrapText="1"/>
    </xf>
    <xf numFmtId="0" fontId="0" fillId="4" borderId="1" xfId="0" applyFill="1" applyBorder="1" applyAlignment="1">
      <alignment horizontal="center" vertical="top" wrapText="1"/>
    </xf>
    <xf numFmtId="0" fontId="0" fillId="4" borderId="18" xfId="0" applyFill="1" applyBorder="1" applyAlignment="1">
      <alignment horizontal="center" vertical="top" wrapText="1"/>
    </xf>
    <xf numFmtId="0" fontId="0" fillId="4" borderId="15" xfId="0" applyFill="1" applyBorder="1" applyAlignment="1">
      <alignment horizontal="center" vertical="top" wrapText="1"/>
    </xf>
    <xf numFmtId="0" fontId="0" fillId="4" borderId="17" xfId="0" applyFill="1" applyBorder="1" applyAlignment="1">
      <alignment horizontal="center" vertical="top" wrapText="1"/>
    </xf>
    <xf numFmtId="0" fontId="0" fillId="0" borderId="0" xfId="0" applyAlignment="1">
      <alignment horizontal="left" vertical="top"/>
    </xf>
    <xf numFmtId="0" fontId="8" fillId="0" borderId="0" xfId="0" applyFont="1" applyAlignment="1">
      <alignment horizontal="left" vertical="top"/>
    </xf>
    <xf numFmtId="0" fontId="8" fillId="0" borderId="0" xfId="2" applyFont="1" applyFill="1" applyAlignment="1">
      <alignment horizontal="left" vertical="top"/>
    </xf>
    <xf numFmtId="0" fontId="8" fillId="0" borderId="0" xfId="3" applyFont="1" applyFill="1" applyAlignment="1">
      <alignment horizontal="left" vertical="top"/>
    </xf>
    <xf numFmtId="0" fontId="0" fillId="0" borderId="7" xfId="0" applyBorder="1" applyAlignment="1">
      <alignment horizontal="left" vertical="top"/>
    </xf>
    <xf numFmtId="0" fontId="9" fillId="2" borderId="9" xfId="0" applyFont="1" applyFill="1" applyBorder="1" applyAlignment="1">
      <alignment horizontal="center" vertical="top" wrapText="1"/>
    </xf>
    <xf numFmtId="0" fontId="8" fillId="0" borderId="0" xfId="0" applyFont="1" applyAlignment="1">
      <alignment horizontal="left" vertical="top" wrapText="1"/>
    </xf>
  </cellXfs>
  <cellStyles count="4">
    <cellStyle name="Bad" xfId="3" builtinId="27"/>
    <cellStyle name="Good" xfId="2" builtinId="26"/>
    <cellStyle name="Normal" xfId="0" builtinId="0" customBuiltin="1"/>
    <cellStyle name="Normal 2" xfId="1" xr:uid="{B9AAC910-DB6A-4751-99F2-9036A519357F}"/>
  </cellStyles>
  <dxfs count="2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506671"/>
      <rgbColor rgb="00E6ECF0"/>
      <rgbColor rgb="008FA2AC"/>
      <rgbColor rgb="00E6ECF0"/>
      <rgbColor rgb="00506671"/>
      <rgbColor rgb="00E6ECF0"/>
      <rgbColor rgb="00506671"/>
      <rgbColor rgb="00FBCDAB"/>
      <rgbColor rgb="00506671"/>
      <rgbColor rgb="00007CAA"/>
      <rgbColor rgb="00C3CED5"/>
      <rgbColor rgb="008FA2AC"/>
      <rgbColor rgb="00E6ECF0"/>
      <rgbColor rgb="008FA2AC"/>
      <rgbColor rgb="00AED3E7"/>
      <rgbColor rgb="00007CAA"/>
      <rgbColor rgb="0000597A"/>
      <rgbColor rgb="00506671"/>
      <rgbColor rgb="008FA2AC"/>
      <rgbColor rgb="00C3CED5"/>
      <rgbColor rgb="00FFE495"/>
      <rgbColor rgb="00C1DDAF"/>
      <rgbColor rgb="00AED3E7"/>
      <rgbColor rgb="00007CAA"/>
      <rgbColor rgb="0000597A"/>
      <rgbColor rgb="00506671"/>
      <rgbColor rgb="008FA2AC"/>
      <rgbColor rgb="00C3CED5"/>
      <rgbColor rgb="00FFE495"/>
      <rgbColor rgb="00C1DDAF"/>
      <rgbColor rgb="00E6ECF0"/>
      <rgbColor rgb="00E6ECF0"/>
      <rgbColor rgb="00E6ECF0"/>
      <rgbColor rgb="00E6ECF0"/>
      <rgbColor rgb="00E6ECF0"/>
      <rgbColor rgb="00506671"/>
      <rgbColor rgb="00E6ECF0"/>
      <rgbColor rgb="00009EE3"/>
      <rgbColor rgb="00C3CED5"/>
      <rgbColor rgb="00C3CED5"/>
      <rgbColor rgb="00AED3E7"/>
      <rgbColor rgb="00009EE3"/>
      <rgbColor rgb="00009EE3"/>
      <rgbColor rgb="00009EE3"/>
      <rgbColor rgb="008FA2AC"/>
      <rgbColor rgb="00C3CED5"/>
      <rgbColor rgb="00E5007D"/>
      <rgbColor rgb="00FFE495"/>
      <rgbColor rgb="00C1DDAF"/>
      <rgbColor rgb="0000597A"/>
      <rgbColor rgb="00009EE3"/>
      <rgbColor rgb="00E6ECF0"/>
      <rgbColor rgb="00506671"/>
      <rgbColor rgb="00506671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Endress+Hauser">
      <a:dk1>
        <a:srgbClr val="000000"/>
      </a:dk1>
      <a:lt1>
        <a:srgbClr val="FFFFFF"/>
      </a:lt1>
      <a:dk2>
        <a:srgbClr val="506671"/>
      </a:dk2>
      <a:lt2>
        <a:srgbClr val="009EE3"/>
      </a:lt2>
      <a:accent1>
        <a:srgbClr val="AED3E7"/>
      </a:accent1>
      <a:accent2>
        <a:srgbClr val="007CAA"/>
      </a:accent2>
      <a:accent3>
        <a:srgbClr val="00597A"/>
      </a:accent3>
      <a:accent4>
        <a:srgbClr val="009EE3"/>
      </a:accent4>
      <a:accent5>
        <a:srgbClr val="7B0040"/>
      </a:accent5>
      <a:accent6>
        <a:srgbClr val="506671"/>
      </a:accent6>
      <a:hlink>
        <a:srgbClr val="009EE3"/>
      </a:hlink>
      <a:folHlink>
        <a:srgbClr val="8FA2AC"/>
      </a:folHlink>
    </a:clrScheme>
    <a:fontScheme name="E+H Serif">
      <a:majorFont>
        <a:latin typeface="E+H Serif"/>
        <a:ea typeface=""/>
        <a:cs typeface=""/>
      </a:majorFont>
      <a:minorFont>
        <a:latin typeface="E+H Serif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2EDFA7-3670-4448-B64A-9B8B0A614E0F}">
  <sheetPr>
    <pageSetUpPr fitToPage="1"/>
  </sheetPr>
  <dimension ref="A1:W14"/>
  <sheetViews>
    <sheetView tabSelected="1" zoomScale="80" zoomScaleNormal="80"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4" sqref="A4:R15"/>
    </sheetView>
  </sheetViews>
  <sheetFormatPr defaultColWidth="25.78515625" defaultRowHeight="16" x14ac:dyDescent="0.4"/>
  <cols>
    <col min="1" max="1" width="26.5703125" bestFit="1" customWidth="1"/>
    <col min="2" max="2" width="6.2109375" customWidth="1"/>
    <col min="3" max="4" width="61.42578125" bestFit="1" customWidth="1"/>
    <col min="5" max="5" width="6.640625" bestFit="1" customWidth="1"/>
    <col min="6" max="6" width="6.85546875" customWidth="1"/>
    <col min="7" max="7" width="6.35546875" bestFit="1" customWidth="1"/>
    <col min="8" max="8" width="6.42578125" bestFit="1" customWidth="1"/>
    <col min="9" max="10" width="6.85546875" bestFit="1" customWidth="1"/>
    <col min="11" max="11" width="10.2109375" bestFit="1" customWidth="1"/>
    <col min="12" max="12" width="9.78515625" bestFit="1" customWidth="1"/>
    <col min="13" max="13" width="26.5703125" bestFit="1" customWidth="1"/>
    <col min="14" max="14" width="26.5703125" customWidth="1"/>
    <col min="15" max="15" width="25.5703125" bestFit="1" customWidth="1"/>
    <col min="16" max="16" width="25.42578125" customWidth="1"/>
    <col min="17" max="17" width="15.78515625" customWidth="1"/>
    <col min="18" max="18" width="12.140625" bestFit="1" customWidth="1"/>
  </cols>
  <sheetData>
    <row r="1" spans="1:23" x14ac:dyDescent="0.4">
      <c r="A1" s="8" t="s">
        <v>0</v>
      </c>
      <c r="B1" s="8" t="s">
        <v>1</v>
      </c>
      <c r="C1" s="6" t="s">
        <v>2</v>
      </c>
      <c r="D1" s="1" t="s">
        <v>3</v>
      </c>
      <c r="E1" s="2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2" t="s">
        <v>9</v>
      </c>
      <c r="K1" s="2" t="s">
        <v>10</v>
      </c>
      <c r="L1" s="2" t="s">
        <v>11</v>
      </c>
      <c r="M1" s="5" t="s">
        <v>12</v>
      </c>
      <c r="N1" s="18" t="s">
        <v>13</v>
      </c>
      <c r="O1" s="8" t="s">
        <v>14</v>
      </c>
      <c r="P1" s="21" t="s">
        <v>15</v>
      </c>
      <c r="Q1" s="13" t="s">
        <v>16</v>
      </c>
      <c r="R1" s="15" t="s">
        <v>17</v>
      </c>
    </row>
    <row r="2" spans="1:23" ht="174" x14ac:dyDescent="0.4">
      <c r="A2" s="9" t="s">
        <v>18</v>
      </c>
      <c r="B2" s="9" t="s">
        <v>19</v>
      </c>
      <c r="C2" s="7" t="s">
        <v>20</v>
      </c>
      <c r="D2" s="3" t="s">
        <v>21</v>
      </c>
      <c r="E2" s="4" t="s">
        <v>22</v>
      </c>
      <c r="F2" s="4" t="s">
        <v>23</v>
      </c>
      <c r="G2" s="4" t="s">
        <v>24</v>
      </c>
      <c r="H2" s="4" t="s">
        <v>25</v>
      </c>
      <c r="I2" s="4" t="s">
        <v>26</v>
      </c>
      <c r="J2" s="4" t="s">
        <v>27</v>
      </c>
      <c r="K2" s="4" t="s">
        <v>28</v>
      </c>
      <c r="L2" s="4" t="s">
        <v>29</v>
      </c>
      <c r="M2" s="30" t="s">
        <v>30</v>
      </c>
      <c r="N2" s="19" t="s">
        <v>31</v>
      </c>
      <c r="O2" s="19" t="s">
        <v>32</v>
      </c>
      <c r="P2" s="19" t="s">
        <v>33</v>
      </c>
      <c r="Q2" s="14" t="s">
        <v>16</v>
      </c>
      <c r="R2" s="15" t="s">
        <v>34</v>
      </c>
    </row>
    <row r="3" spans="1:23" ht="23.25" customHeight="1" x14ac:dyDescent="0.4">
      <c r="A3" s="10" t="s">
        <v>35</v>
      </c>
      <c r="B3" s="10" t="s">
        <v>36</v>
      </c>
      <c r="C3" s="23" t="s">
        <v>37</v>
      </c>
      <c r="D3" s="24" t="s">
        <v>37</v>
      </c>
      <c r="E3" s="11" t="s">
        <v>36</v>
      </c>
      <c r="F3" s="11" t="s">
        <v>38</v>
      </c>
      <c r="G3" s="11" t="s">
        <v>36</v>
      </c>
      <c r="H3" s="11" t="s">
        <v>36</v>
      </c>
      <c r="I3" s="11" t="s">
        <v>39</v>
      </c>
      <c r="J3" s="11" t="s">
        <v>39</v>
      </c>
      <c r="K3" s="11" t="s">
        <v>40</v>
      </c>
      <c r="L3" s="11" t="s">
        <v>41</v>
      </c>
      <c r="M3" s="12" t="s">
        <v>42</v>
      </c>
      <c r="N3" s="20" t="s">
        <v>41</v>
      </c>
      <c r="O3" s="10" t="s">
        <v>43</v>
      </c>
      <c r="P3" s="22" t="s">
        <v>43</v>
      </c>
      <c r="Q3" s="16" t="s">
        <v>44</v>
      </c>
      <c r="R3" s="17" t="s">
        <v>45</v>
      </c>
    </row>
    <row r="4" spans="1:23" s="26" customFormat="1" x14ac:dyDescent="0.4">
      <c r="A4" s="31"/>
      <c r="J4" s="27"/>
      <c r="K4" s="28"/>
      <c r="M4" s="25"/>
      <c r="O4" s="29"/>
      <c r="P4" s="29"/>
      <c r="Q4" s="29"/>
      <c r="R4" s="29"/>
      <c r="S4" s="29"/>
      <c r="T4" s="29"/>
      <c r="W4" s="25"/>
    </row>
    <row r="5" spans="1:23" s="26" customFormat="1" x14ac:dyDescent="0.4">
      <c r="A5" s="31"/>
      <c r="C5" s="25"/>
      <c r="D5" s="25"/>
      <c r="I5" s="25"/>
      <c r="J5" s="27"/>
      <c r="K5" s="28"/>
      <c r="M5" s="25"/>
      <c r="O5" s="29"/>
      <c r="P5" s="29"/>
      <c r="Q5" s="29"/>
      <c r="R5" s="29"/>
      <c r="S5" s="29"/>
      <c r="T5" s="29"/>
      <c r="W5" s="25"/>
    </row>
    <row r="6" spans="1:23" x14ac:dyDescent="0.4">
      <c r="A6" s="31"/>
      <c r="B6" s="26"/>
    </row>
    <row r="7" spans="1:23" x14ac:dyDescent="0.4">
      <c r="A7" s="31"/>
      <c r="B7" s="26"/>
    </row>
    <row r="8" spans="1:23" x14ac:dyDescent="0.4">
      <c r="A8" s="31"/>
      <c r="B8" s="26"/>
    </row>
    <row r="9" spans="1:23" x14ac:dyDescent="0.4">
      <c r="A9" s="31"/>
      <c r="B9" s="26"/>
    </row>
    <row r="10" spans="1:23" x14ac:dyDescent="0.4">
      <c r="A10" s="31"/>
      <c r="B10" s="26"/>
    </row>
    <row r="11" spans="1:23" x14ac:dyDescent="0.4">
      <c r="A11" s="31"/>
      <c r="B11" s="26"/>
    </row>
    <row r="12" spans="1:23" x14ac:dyDescent="0.4">
      <c r="A12" s="31"/>
      <c r="B12" s="26"/>
    </row>
    <row r="13" spans="1:23" x14ac:dyDescent="0.4">
      <c r="A13" s="31"/>
      <c r="B13" s="26"/>
    </row>
    <row r="14" spans="1:23" x14ac:dyDescent="0.4">
      <c r="A14" s="31"/>
      <c r="B14" s="26"/>
    </row>
  </sheetData>
  <phoneticPr fontId="5" type="noConversion"/>
  <conditionalFormatting sqref="X4:XFD5 E5:H5 J5:K5 C4:K4 N4:V5">
    <cfRule type="containsText" dxfId="1" priority="2" operator="containsText" text=",">
      <formula>NOT(ISERROR(SEARCH(",",C4)))</formula>
    </cfRule>
  </conditionalFormatting>
  <conditionalFormatting sqref="L4:L5">
    <cfRule type="containsText" dxfId="0" priority="1" operator="containsText" text=",">
      <formula>NOT(ISERROR(SEARCH(",",L4)))</formula>
    </cfRule>
  </conditionalFormatting>
  <dataValidations count="1">
    <dataValidation type="textLength" operator="greaterThanOrEqual" allowBlank="1" showInputMessage="1" sqref="A1:A3" xr:uid="{0C70DEF5-D5C1-44B9-9785-D11465B91A0D}">
      <formula1>37</formula1>
    </dataValidation>
  </dataValidations>
  <pageMargins left="0.25" right="0.25" top="0.75" bottom="0.75" header="0.3" footer="0.3"/>
  <pageSetup scale="18" fitToHeight="0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62E797E14B2024BABC5544E92526CA5" ma:contentTypeVersion="20" ma:contentTypeDescription="Create a new document." ma:contentTypeScope="" ma:versionID="f719fe55e190c47a3060cd86505fbe51">
  <xsd:schema xmlns:xsd="http://www.w3.org/2001/XMLSchema" xmlns:xs="http://www.w3.org/2001/XMLSchema" xmlns:p="http://schemas.microsoft.com/office/2006/metadata/properties" xmlns:ns2="efade514-1cbf-430a-b7d5-e39c44283f27" xmlns:ns3="d6f7a516-c240-407a-ab7b-edfbbc631677" targetNamespace="http://schemas.microsoft.com/office/2006/metadata/properties" ma:root="true" ma:fieldsID="891c8f6c16fd1604d13db15206c6006e" ns2:_="" ns3:_="">
    <xsd:import namespace="efade514-1cbf-430a-b7d5-e39c44283f27"/>
    <xsd:import namespace="d6f7a516-c240-407a-ab7b-edfbbc63167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  <xsd:element ref="ns2:TaxKeywordTaxHTField" minOccurs="0"/>
                <xsd:element ref="ns2:TaxCatchAll" minOccurs="0"/>
                <xsd:element ref="ns3:MediaServiceMetadata" minOccurs="0"/>
                <xsd:element ref="ns3:MediaServiceFastMetadata" minOccurs="0"/>
                <xsd:element ref="ns3:MediaServiceDateTaken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2:SharedWithUsers" minOccurs="0"/>
                <xsd:element ref="ns2:SharedWithDetails" minOccurs="0"/>
                <xsd:element ref="ns3:MediaServiceAutoKeyPoints" minOccurs="0"/>
                <xsd:element ref="ns3:MediaServiceKeyPoints" minOccurs="0"/>
                <xsd:element ref="ns3:lcf76f155ced4ddcb4097134ff3c332f" minOccurs="0"/>
                <xsd:element ref="ns3:MediaLengthInSeconds" minOccurs="0"/>
                <xsd:element ref="ns3:MediaServiceObjectDetectorVersions" minOccurs="0"/>
                <xsd:element ref="ns3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fade514-1cbf-430a-b7d5-e39c44283f2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TaxKeywordTaxHTField" ma:index="12" nillable="true" ma:taxonomy="true" ma:internalName="TaxKeywordTaxHTField" ma:taxonomyFieldName="TaxKeyword" ma:displayName="Tags" ma:fieldId="{23f27201-bee3-471e-b2e7-b64fd8b7ca38}" ma:taxonomyMulti="true" ma:sspId="c6465ffd-3483-425a-9bf3-5cb225f4cc5f" ma:termSetId="00000000-0000-0000-0000-000000000000" ma:anchorId="00000000-0000-0000-0000-000000000000" ma:open="true" ma:isKeyword="true">
      <xsd:complexType>
        <xsd:sequence>
          <xsd:element ref="pc:Terms" minOccurs="0" maxOccurs="1"/>
        </xsd:sequence>
      </xsd:complexType>
    </xsd:element>
    <xsd:element name="TaxCatchAll" ma:index="13" nillable="true" ma:displayName="Taxonomy Catch All Column" ma:hidden="true" ma:list="{18bfe32e-eb07-4cbb-8a59-8dcf3588e544}" ma:internalName="TaxCatchAll" ma:showField="CatchAllData" ma:web="efade514-1cbf-430a-b7d5-e39c44283f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2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6f7a516-c240-407a-ab7b-edfbbc63167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4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5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7" nillable="true" ma:displayName="Tags" ma:internalName="MediaServiceAutoTags" ma:readOnly="true">
      <xsd:simpleType>
        <xsd:restriction base="dms:Text"/>
      </xsd:simple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9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0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2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26" nillable="true" ma:taxonomy="true" ma:internalName="lcf76f155ced4ddcb4097134ff3c332f" ma:taxonomyFieldName="MediaServiceImageTags" ma:displayName="Image Tags" ma:readOnly="false" ma:fieldId="{5cf76f15-5ced-4ddc-b409-7134ff3c332f}" ma:taxonomyMulti="true" ma:sspId="c6465ffd-3483-425a-9bf3-5cb225f4cc5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LengthInSeconds" ma:index="27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8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9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KeywordTaxHTField xmlns="efade514-1cbf-430a-b7d5-e39c44283f27">
      <Terms xmlns="http://schemas.microsoft.com/office/infopath/2007/PartnerControls"/>
    </TaxKeywordTaxHTField>
    <TaxCatchAll xmlns="efade514-1cbf-430a-b7d5-e39c44283f27" xsi:nil="true"/>
    <lcf76f155ced4ddcb4097134ff3c332f xmlns="d6f7a516-c240-407a-ab7b-edfbbc631677">
      <Terms xmlns="http://schemas.microsoft.com/office/infopath/2007/PartnerControls"/>
    </lcf76f155ced4ddcb4097134ff3c332f>
    <_dlc_DocId xmlns="efade514-1cbf-430a-b7d5-e39c44283f27">4DQFVQ35KENU-1292784182-12659</_dlc_DocId>
    <_dlc_DocIdUrl xmlns="efade514-1cbf-430a-b7d5-e39c44283f27">
      <Url>https://endresshauser.sharepoint.com/teams/ou0000193/_layouts/15/DocIdRedir.aspx?ID=4DQFVQ35KENU-1292784182-12659</Url>
      <Description>4DQFVQ35KENU-1292784182-12659</Description>
    </_dlc_DocIdUrl>
    <SharedWithUsers xmlns="efade514-1cbf-430a-b7d5-e39c44283f27">
      <UserInfo>
        <DisplayName>Rish Jain</DisplayName>
        <AccountId>2317</AccountId>
        <AccountType/>
      </UserInfo>
    </SharedWithUsers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56A63130-6574-408B-AC97-A709D1F73B1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efade514-1cbf-430a-b7d5-e39c44283f27"/>
    <ds:schemaRef ds:uri="d6f7a516-c240-407a-ab7b-edfbbc63167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FDF4289F-907B-4807-AE22-CFA07AC1DF9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33F573FB-831D-4E24-87BE-F88178E0EB1F}">
  <ds:schemaRefs>
    <ds:schemaRef ds:uri="http://purl.org/dc/elements/1.1/"/>
    <ds:schemaRef ds:uri="http://schemas.microsoft.com/office/2006/metadata/properties"/>
    <ds:schemaRef ds:uri="http://purl.org/dc/terms/"/>
    <ds:schemaRef ds:uri="efade514-1cbf-430a-b7d5-e39c44283f27"/>
    <ds:schemaRef ds:uri="http://schemas.microsoft.com/office/2006/documentManagement/types"/>
    <ds:schemaRef ds:uri="http://purl.org/dc/dcmitype/"/>
    <ds:schemaRef ds:uri="http://schemas.microsoft.com/office/infopath/2007/PartnerControls"/>
    <ds:schemaRef ds:uri="http://schemas.openxmlformats.org/package/2006/metadata/core-properties"/>
    <ds:schemaRef ds:uri="d6f7a516-c240-407a-ab7b-edfbbc631677"/>
    <ds:schemaRef ds:uri="http://www.w3.org/XML/1998/namespace"/>
  </ds:schemaRefs>
</ds:datastoreItem>
</file>

<file path=customXml/itemProps4.xml><?xml version="1.0" encoding="utf-8"?>
<ds:datastoreItem xmlns:ds="http://schemas.openxmlformats.org/officeDocument/2006/customXml" ds:itemID="{6C0F9E20-2A3E-4D0C-B28E-7FC8D574BE4D}">
  <ds:schemaRefs>
    <ds:schemaRef ds:uri="http://schemas.microsoft.com/sharepoint/events"/>
  </ds:schemaRefs>
</ds:datastoreItem>
</file>

<file path=docMetadata/LabelInfo.xml><?xml version="1.0" encoding="utf-8"?>
<clbl:labelList xmlns:clbl="http://schemas.microsoft.com/office/2020/mipLabelMetadata">
  <clbl:label id="{2988f0a4-524a-45f2-829d-417725fa4957}" enabled="1" method="Standard" siteId="{52daf2a9-3b73-4da4-ac6a-3f81adc92b7e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oey Davis</dc:creator>
  <cp:keywords/>
  <dc:description/>
  <cp:lastModifiedBy>Kyle Perry</cp:lastModifiedBy>
  <cp:revision/>
  <dcterms:created xsi:type="dcterms:W3CDTF">2019-08-06T13:57:35Z</dcterms:created>
  <dcterms:modified xsi:type="dcterms:W3CDTF">2024-05-17T17:43:04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62E797E14B2024BABC5544E92526CA5</vt:lpwstr>
  </property>
  <property fmtid="{D5CDD505-2E9C-101B-9397-08002B2CF9AE}" pid="3" name="MSIP_Label_2988f0a4-524a-45f2-829d-417725fa4957_Enabled">
    <vt:lpwstr>true</vt:lpwstr>
  </property>
  <property fmtid="{D5CDD505-2E9C-101B-9397-08002B2CF9AE}" pid="4" name="MSIP_Label_2988f0a4-524a-45f2-829d-417725fa4957_SetDate">
    <vt:lpwstr>2022-07-12T16:08:23Z</vt:lpwstr>
  </property>
  <property fmtid="{D5CDD505-2E9C-101B-9397-08002B2CF9AE}" pid="5" name="MSIP_Label_2988f0a4-524a-45f2-829d-417725fa4957_Method">
    <vt:lpwstr>Standard</vt:lpwstr>
  </property>
  <property fmtid="{D5CDD505-2E9C-101B-9397-08002B2CF9AE}" pid="6" name="MSIP_Label_2988f0a4-524a-45f2-829d-417725fa4957_Name">
    <vt:lpwstr>2988f0a4-524a-45f2-829d-417725fa4957</vt:lpwstr>
  </property>
  <property fmtid="{D5CDD505-2E9C-101B-9397-08002B2CF9AE}" pid="7" name="MSIP_Label_2988f0a4-524a-45f2-829d-417725fa4957_SiteId">
    <vt:lpwstr>52daf2a9-3b73-4da4-ac6a-3f81adc92b7e</vt:lpwstr>
  </property>
  <property fmtid="{D5CDD505-2E9C-101B-9397-08002B2CF9AE}" pid="8" name="MSIP_Label_2988f0a4-524a-45f2-829d-417725fa4957_ContentBits">
    <vt:lpwstr>0</vt:lpwstr>
  </property>
  <property fmtid="{D5CDD505-2E9C-101B-9397-08002B2CF9AE}" pid="9" name="_dlc_DocIdItemGuid">
    <vt:lpwstr>42b14273-463a-49af-8264-62564510fbcc</vt:lpwstr>
  </property>
  <property fmtid="{D5CDD505-2E9C-101B-9397-08002B2CF9AE}" pid="10" name="TaxKeyword">
    <vt:lpwstr/>
  </property>
  <property fmtid="{D5CDD505-2E9C-101B-9397-08002B2CF9AE}" pid="11" name="MediaServiceImageTags">
    <vt:lpwstr/>
  </property>
</Properties>
</file>